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01　土木構造物補修業務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" uniqueCount="36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０１</t>
  </si>
  <si>
    <t>　　土木構造物補修業務</t>
  </si>
  <si>
    <t>土木一般世話役（日中作業）</t>
  </si>
  <si>
    <t>時間</t>
  </si>
  <si>
    <t>土木一般世話役（夜間作業）</t>
  </si>
  <si>
    <t>特殊作業員（日中作業）</t>
  </si>
  <si>
    <t>特殊作業員（夜間作業）</t>
  </si>
  <si>
    <t>普通作業員（日中作業）</t>
  </si>
  <si>
    <t>普通作業員（夜間作業）</t>
  </si>
  <si>
    <t>電工（日中作業）</t>
  </si>
  <si>
    <t>電工（夜間作業）</t>
  </si>
  <si>
    <t>左官（日中作業）</t>
  </si>
  <si>
    <t>左官（夜間作業）</t>
  </si>
  <si>
    <t>溶接工（日中作業）</t>
  </si>
  <si>
    <t>溶接工（夜間作業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3</v>
      </c>
      <c r="E9" s="26" t="s">
        <v>24</v>
      </c>
      <c r="F9" s="27">
        <v>60</v>
      </c>
      <c r="G9" s="28"/>
      <c r="H9" s="29"/>
    </row>
    <row r="10" spans="1:8" ht="24.95" customHeight="1" x14ac:dyDescent="0.15">
      <c r="A10" s="22">
        <v>2</v>
      </c>
      <c r="B10" s="30" t="s">
        <v>25</v>
      </c>
      <c r="C10" s="31">
        <v>1</v>
      </c>
      <c r="D10" s="32" t="s">
        <v>25</v>
      </c>
      <c r="E10" s="33" t="s">
        <v>24</v>
      </c>
      <c r="F10" s="27">
        <v>330</v>
      </c>
      <c r="G10" s="33"/>
      <c r="H10" s="29"/>
    </row>
    <row r="11" spans="1:8" ht="24.95" customHeight="1" x14ac:dyDescent="0.15">
      <c r="A11" s="22">
        <v>3</v>
      </c>
      <c r="B11" s="30" t="s">
        <v>26</v>
      </c>
      <c r="C11" s="31">
        <v>1</v>
      </c>
      <c r="D11" s="32" t="s">
        <v>26</v>
      </c>
      <c r="E11" s="33" t="s">
        <v>24</v>
      </c>
      <c r="F11" s="27">
        <v>60</v>
      </c>
      <c r="G11" s="33"/>
      <c r="H11" s="29"/>
    </row>
    <row r="12" spans="1:8" ht="24.95" customHeight="1" x14ac:dyDescent="0.15">
      <c r="A12" s="22">
        <v>4</v>
      </c>
      <c r="B12" s="30" t="s">
        <v>27</v>
      </c>
      <c r="C12" s="31">
        <v>1</v>
      </c>
      <c r="D12" s="32" t="s">
        <v>27</v>
      </c>
      <c r="E12" s="33" t="s">
        <v>24</v>
      </c>
      <c r="F12" s="27">
        <v>330</v>
      </c>
      <c r="G12" s="33"/>
      <c r="H12" s="29"/>
    </row>
    <row r="13" spans="1:8" ht="24.95" customHeight="1" x14ac:dyDescent="0.15">
      <c r="A13" s="34">
        <v>5</v>
      </c>
      <c r="B13" s="35" t="s">
        <v>28</v>
      </c>
      <c r="C13" s="36">
        <v>1</v>
      </c>
      <c r="D13" s="37" t="s">
        <v>28</v>
      </c>
      <c r="E13" s="38" t="s">
        <v>24</v>
      </c>
      <c r="F13" s="39">
        <v>60</v>
      </c>
      <c r="G13" s="40"/>
      <c r="H13" s="41"/>
    </row>
    <row r="14" spans="1:8" ht="24.95" customHeight="1" x14ac:dyDescent="0.15">
      <c r="A14" s="22">
        <v>6</v>
      </c>
      <c r="B14" s="42" t="s">
        <v>29</v>
      </c>
      <c r="C14" s="43">
        <v>1</v>
      </c>
      <c r="D14" s="44" t="s">
        <v>29</v>
      </c>
      <c r="E14" s="28" t="s">
        <v>24</v>
      </c>
      <c r="F14" s="45">
        <v>330</v>
      </c>
      <c r="G14" s="46"/>
      <c r="H14" s="47"/>
    </row>
    <row r="15" spans="1:8" ht="24.95" customHeight="1" x14ac:dyDescent="0.15">
      <c r="A15" s="22">
        <v>7</v>
      </c>
      <c r="B15" s="30" t="s">
        <v>30</v>
      </c>
      <c r="C15" s="31">
        <v>1</v>
      </c>
      <c r="D15" s="32" t="s">
        <v>30</v>
      </c>
      <c r="E15" s="33" t="s">
        <v>24</v>
      </c>
      <c r="F15" s="27">
        <v>60</v>
      </c>
      <c r="G15" s="48"/>
      <c r="H15" s="29"/>
    </row>
    <row r="16" spans="1:8" ht="24.95" customHeight="1" x14ac:dyDescent="0.15">
      <c r="A16" s="22">
        <v>8</v>
      </c>
      <c r="B16" s="30" t="s">
        <v>31</v>
      </c>
      <c r="C16" s="31">
        <v>1</v>
      </c>
      <c r="D16" s="32" t="s">
        <v>31</v>
      </c>
      <c r="E16" s="33" t="s">
        <v>24</v>
      </c>
      <c r="F16" s="27">
        <v>170</v>
      </c>
      <c r="G16" s="33"/>
      <c r="H16" s="29"/>
    </row>
    <row r="17" spans="1:8" ht="24.95" customHeight="1" x14ac:dyDescent="0.15">
      <c r="A17" s="22">
        <v>9</v>
      </c>
      <c r="B17" s="30" t="s">
        <v>32</v>
      </c>
      <c r="C17" s="31">
        <v>1</v>
      </c>
      <c r="D17" s="32" t="s">
        <v>32</v>
      </c>
      <c r="E17" s="33" t="s">
        <v>24</v>
      </c>
      <c r="F17" s="27">
        <v>60</v>
      </c>
      <c r="G17" s="33"/>
      <c r="H17" s="29"/>
    </row>
    <row r="18" spans="1:8" ht="24.95" customHeight="1" x14ac:dyDescent="0.15">
      <c r="A18" s="34">
        <v>10</v>
      </c>
      <c r="B18" s="35" t="s">
        <v>33</v>
      </c>
      <c r="C18" s="36">
        <v>1</v>
      </c>
      <c r="D18" s="37" t="s">
        <v>33</v>
      </c>
      <c r="E18" s="38" t="s">
        <v>24</v>
      </c>
      <c r="F18" s="39">
        <v>180</v>
      </c>
      <c r="G18" s="49"/>
      <c r="H18" s="50"/>
    </row>
    <row r="19" spans="1:8" ht="24.95" customHeight="1" x14ac:dyDescent="0.15">
      <c r="A19" s="22">
        <v>11</v>
      </c>
      <c r="B19" s="42" t="s">
        <v>34</v>
      </c>
      <c r="C19" s="43">
        <v>1</v>
      </c>
      <c r="D19" s="44" t="s">
        <v>34</v>
      </c>
      <c r="E19" s="28" t="s">
        <v>24</v>
      </c>
      <c r="F19" s="45">
        <v>60</v>
      </c>
      <c r="G19" s="48"/>
      <c r="H19" s="51"/>
    </row>
    <row r="20" spans="1:8" ht="24.95" customHeight="1" x14ac:dyDescent="0.15">
      <c r="A20" s="22">
        <v>12</v>
      </c>
      <c r="B20" s="30" t="s">
        <v>35</v>
      </c>
      <c r="C20" s="31">
        <v>1</v>
      </c>
      <c r="D20" s="32" t="s">
        <v>35</v>
      </c>
      <c r="E20" s="33" t="s">
        <v>24</v>
      </c>
      <c r="F20" s="27">
        <v>180</v>
      </c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12:11Z</dcterms:created>
  <dcterms:modified xsi:type="dcterms:W3CDTF">2021-02-18T08:03:09Z</dcterms:modified>
</cp:coreProperties>
</file>